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8"/>
  </p:notesMasterIdLst>
  <p:handoutMasterIdLst>
    <p:handoutMasterId r:id="rId19"/>
  </p:handoutMasterIdLst>
  <p:sldIdLst>
    <p:sldId id="256" r:id="rId10"/>
    <p:sldId id="260" r:id="rId11"/>
    <p:sldId id="257" r:id="rId12"/>
    <p:sldId id="261" r:id="rId13"/>
    <p:sldId id="264" r:id="rId14"/>
    <p:sldId id="265" r:id="rId15"/>
    <p:sldId id="262" r:id="rId16"/>
    <p:sldId id="263" r:id="rId17"/>
  </p:sldIdLst>
  <p:sldSz cx="12190413" cy="6858000"/>
  <p:notesSz cx="6858000" cy="9144000"/>
  <p:custDataLst>
    <p:tags r:id="rId2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91" autoAdjust="0"/>
    <p:restoredTop sz="96054" autoAdjust="0"/>
  </p:normalViewPr>
  <p:slideViewPr>
    <p:cSldViewPr showGuides="1">
      <p:cViewPr varScale="1">
        <p:scale>
          <a:sx n="123" d="100"/>
          <a:sy n="123" d="100"/>
        </p:scale>
        <p:origin x="608" y="18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0c767289-f762-42df-921c-644580693d2b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0e3db5b9-fe6e-4707-9b9d-2e16e877ccb8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 April 2020</a:t>
            </a:r>
          </a:p>
        </p:txBody>
      </p:sp>
      <p:sp>
        <p:nvSpPr>
          <p:cNvPr id="7" name="text" descr="{&quot;templafy&quot;:{&quot;id&quot;:&quot;c6ca204e-617e-49ab-91d2-8aac5caee35e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CDA case 1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2.png"/><Relationship Id="rId5" Type="http://schemas.openxmlformats.org/officeDocument/2006/relationships/image" Target="../media/image11.png"/><Relationship Id="rId4" Type="http://schemas.openxmlformats.org/officeDocument/2006/relationships/image" Target="../media/image10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Case 1 Result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verview</a:t>
            </a:r>
          </a:p>
        </p:txBody>
      </p:sp>
      <p:pic>
        <p:nvPicPr>
          <p:cNvPr id="2" name="Content Placeholder 1"/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87137" y="2149852"/>
            <a:ext cx="5487650" cy="3658433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34966" y="1482413"/>
            <a:ext cx="4293096" cy="4293096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81298" y="1268760"/>
            <a:ext cx="5200432" cy="520043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ias In Estimation</a:t>
            </a:r>
            <a:endParaRPr lang="da-DK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42678" y="1565300"/>
            <a:ext cx="4176464" cy="4176464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99262" y="1565300"/>
            <a:ext cx="4176464" cy="4176464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42678" y="1637308"/>
            <a:ext cx="4104456" cy="4104456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83238" y="1601304"/>
            <a:ext cx="4176464" cy="41764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4108356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lative Distance &amp; Model Choice</a:t>
            </a:r>
            <a:endParaRPr lang="da-DK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6654" y="1398843"/>
            <a:ext cx="4545012" cy="4545012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30913" y="1287667"/>
            <a:ext cx="4656187" cy="4656187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27254" y="1299849"/>
            <a:ext cx="4680520" cy="4680520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05386" y="1439100"/>
            <a:ext cx="4464496" cy="4464496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0670" y="1347508"/>
            <a:ext cx="4536504" cy="45365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037412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dels Used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12" name="Content Placeholder 2"/>
          <p:cNvSpPr txBox="1">
            <a:spLocks/>
          </p:cNvSpPr>
          <p:nvPr/>
        </p:nvSpPr>
        <p:spPr bwMode="auto">
          <a:xfrm>
            <a:off x="5735166" y="4293096"/>
            <a:ext cx="4885802" cy="136815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kern="0" dirty="0"/>
              <a:t>Model for smallest actual RMSE</a:t>
            </a:r>
          </a:p>
          <a:p>
            <a:pPr lvl="1"/>
            <a:r>
              <a:rPr lang="en-US" kern="0" dirty="0"/>
              <a:t>Elastic Net</a:t>
            </a:r>
          </a:p>
          <a:p>
            <a:r>
              <a:rPr lang="en-US" kern="0" dirty="0"/>
              <a:t>Model for Closest estimate of actual RMSE</a:t>
            </a:r>
          </a:p>
          <a:p>
            <a:pPr lvl="1"/>
            <a:r>
              <a:rPr lang="da-DK" kern="0" dirty="0" err="1"/>
              <a:t>Random</a:t>
            </a:r>
            <a:r>
              <a:rPr lang="da-DK" kern="0" dirty="0"/>
              <a:t> Forest</a:t>
            </a:r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42678" y="1377899"/>
            <a:ext cx="9983638" cy="49918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9800680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bsolute Distance</a:t>
            </a:r>
            <a:endParaRPr lang="da-DK" dirty="0"/>
          </a:p>
        </p:txBody>
      </p:sp>
      <p:graphicFrame>
        <p:nvGraphicFramePr>
          <p:cNvPr id="6" name="Content Placeholder 5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99727358"/>
              </p:ext>
            </p:extLst>
          </p:nvPr>
        </p:nvGraphicFramePr>
        <p:xfrm>
          <a:off x="1486694" y="1397723"/>
          <a:ext cx="9312273" cy="483791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034697">
                  <a:extLst>
                    <a:ext uri="{9D8B030D-6E8A-4147-A177-3AD203B41FA5}">
                      <a16:colId xmlns:a16="http://schemas.microsoft.com/office/drawing/2014/main" val="2502057342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3738321422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4204345942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1328285001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2636147123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3341468043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54472086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335168096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2373243127"/>
                    </a:ext>
                  </a:extLst>
                </a:gridCol>
              </a:tblGrid>
              <a:tr h="229400">
                <a:tc>
                  <a:txBody>
                    <a:bodyPr/>
                    <a:lstStyle/>
                    <a:p>
                      <a:r>
                        <a:rPr lang="da-DK" sz="1100" dirty="0" err="1"/>
                        <a:t>place</a:t>
                      </a:r>
                      <a:r>
                        <a:rPr lang="da-DK" sz="1100" dirty="0"/>
                        <a:t>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 err="1"/>
                        <a:t>group</a:t>
                      </a:r>
                      <a:r>
                        <a:rPr lang="da-DK" sz="1100" dirty="0"/>
                        <a:t>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abs distance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 err="1"/>
                        <a:t>place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 err="1"/>
                        <a:t>group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abs distance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 err="1"/>
                        <a:t>place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 err="1"/>
                        <a:t>group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abs distance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131012731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3171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002383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52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593885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83997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65186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1801153438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1685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027328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032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60886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662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71894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539977027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135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0370334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4327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618275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20012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97105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663005101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299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0430298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4434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628069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20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2.10604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35004348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8233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0536606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41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735058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654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2.18011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213208010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407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149537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675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743534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2164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2.53104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925382732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4512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209461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4496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79002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316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2.59187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161168984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1074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215223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51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821689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4427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2.6239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759191259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9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80127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25727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9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18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83086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9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338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2.97552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973659215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0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430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257869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0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06050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83184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0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357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3.45322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1703290916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2746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308495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82277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857333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299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3.49391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881545061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050715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348997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019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898308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20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3.50662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27265661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20011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360904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224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0388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2311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3.51715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1071201625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96079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365588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72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05514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027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3.63134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485279972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04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370126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230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0663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2584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3.83085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31987422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669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380126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553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09887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24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5.93346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491242050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3462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38049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21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10754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14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6.34359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366435015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180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427101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317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19509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51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7.5557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198033206"/>
                  </a:ext>
                </a:extLst>
              </a:tr>
              <a:tr h="249912">
                <a:tc>
                  <a:txBody>
                    <a:bodyPr/>
                    <a:lstStyle/>
                    <a:p>
                      <a:r>
                        <a:rPr lang="en-US" sz="1100" dirty="0"/>
                        <a:t>19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3986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479114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9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45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29406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1756504676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20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4473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0.558696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0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355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34324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793842273"/>
                  </a:ext>
                </a:extLst>
              </a:tr>
            </a:tbl>
          </a:graphicData>
        </a:graphic>
      </p:graphicFrame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0058519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mallest actual RMSE</a:t>
            </a:r>
            <a:endParaRPr lang="da-DK" dirty="0"/>
          </a:p>
        </p:txBody>
      </p:sp>
      <p:graphicFrame>
        <p:nvGraphicFramePr>
          <p:cNvPr id="6" name="Content Placeholder 5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985913367"/>
              </p:ext>
            </p:extLst>
          </p:nvPr>
        </p:nvGraphicFramePr>
        <p:xfrm>
          <a:off x="1486694" y="1398843"/>
          <a:ext cx="9312273" cy="483791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034697">
                  <a:extLst>
                    <a:ext uri="{9D8B030D-6E8A-4147-A177-3AD203B41FA5}">
                      <a16:colId xmlns:a16="http://schemas.microsoft.com/office/drawing/2014/main" val="2502057342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3738321422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4204345942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1328285001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2636147123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3341468043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54472086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335168096"/>
                    </a:ext>
                  </a:extLst>
                </a:gridCol>
                <a:gridCol w="1034697">
                  <a:extLst>
                    <a:ext uri="{9D8B030D-6E8A-4147-A177-3AD203B41FA5}">
                      <a16:colId xmlns:a16="http://schemas.microsoft.com/office/drawing/2014/main" val="2373243127"/>
                    </a:ext>
                  </a:extLst>
                </a:gridCol>
              </a:tblGrid>
              <a:tr h="229400">
                <a:tc>
                  <a:txBody>
                    <a:bodyPr/>
                    <a:lstStyle/>
                    <a:p>
                      <a:r>
                        <a:rPr lang="da-DK" sz="1100" dirty="0" err="1"/>
                        <a:t>place</a:t>
                      </a:r>
                      <a:r>
                        <a:rPr lang="da-DK" sz="1100" dirty="0"/>
                        <a:t>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 err="1"/>
                        <a:t>group</a:t>
                      </a:r>
                      <a:r>
                        <a:rPr lang="da-DK" sz="1100" dirty="0"/>
                        <a:t>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Actual RMSE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 err="1"/>
                        <a:t>place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 err="1"/>
                        <a:t>group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100" dirty="0"/>
                        <a:t>abs distance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 err="1"/>
                        <a:t>place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 err="1"/>
                        <a:t>group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Actual RMSE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131012731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96079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.07741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4496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3546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299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86587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1801153438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027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2.82999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4327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37137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317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89762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539977027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21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3.68975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41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4304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135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90037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663005101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230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3.94785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1685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43937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180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98338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35004348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18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3.9726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224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47881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4473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5.01938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213208010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3986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00511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407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4936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662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5.0781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925382732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4434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02465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553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49403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050715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5.14021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161168984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019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0356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80127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49565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3462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5.14021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759191259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9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45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07773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29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1074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53678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9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2311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5.43555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973659215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0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338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1391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0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2746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56537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0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8233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5.53537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1703290916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032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15954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20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5705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1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4427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5.57824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881545061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52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17025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20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58796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2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2164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5.78043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27265661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669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17444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675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59977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3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24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5.95182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1071201625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20012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1747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06050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60616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4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355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6.45107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485279972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317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20311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510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63483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5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7430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7.35777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31987422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45129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26834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82277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65427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6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316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7.38585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491242050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83997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28779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2584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73685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7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14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7.77383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3366435015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1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3571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30917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04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77133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58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6451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12.202</a:t>
                      </a:r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2198033206"/>
                  </a:ext>
                </a:extLst>
              </a:tr>
              <a:tr h="249912">
                <a:tc>
                  <a:txBody>
                    <a:bodyPr/>
                    <a:lstStyle/>
                    <a:p>
                      <a:r>
                        <a:rPr lang="en-US" sz="1100" dirty="0"/>
                        <a:t>19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20011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3315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39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4728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83315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1756504676"/>
                  </a:ext>
                </a:extLst>
              </a:tr>
              <a:tr h="229400">
                <a:tc>
                  <a:txBody>
                    <a:bodyPr/>
                    <a:lstStyle/>
                    <a:p>
                      <a:r>
                        <a:rPr lang="en-US" sz="1100" dirty="0"/>
                        <a:t>20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96542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33678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en-US" sz="1100" dirty="0"/>
                        <a:t>40</a:t>
                      </a:r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s152993 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r>
                        <a:rPr lang="da-DK" sz="1100" dirty="0"/>
                        <a:t>4.86012</a:t>
                      </a:r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/>
                    </a:p>
                  </a:txBody>
                  <a:tcPr marL="56564" marR="56564" marT="28282" marB="28282"/>
                </a:tc>
                <a:tc>
                  <a:txBody>
                    <a:bodyPr/>
                    <a:lstStyle/>
                    <a:p>
                      <a:endParaRPr lang="da-DK" sz="1100" dirty="0"/>
                    </a:p>
                  </a:txBody>
                  <a:tcPr marL="56564" marR="56564" marT="28282" marB="28282"/>
                </a:tc>
                <a:extLst>
                  <a:ext uri="{0D108BD9-81ED-4DB2-BD59-A6C34878D82A}">
                    <a16:rowId xmlns:a16="http://schemas.microsoft.com/office/drawing/2014/main" val="793842273"/>
                  </a:ext>
                </a:extLst>
              </a:tr>
            </a:tbl>
          </a:graphicData>
        </a:graphic>
      </p:graphicFrame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0940418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VefOkUlBA6U/xt+FFtHqAA=="},{"name":"PresentationTitle","value":"HA4yMmFzPYI7whdqVZxJvg=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{"type":"shape","id":"0c767289-f762-42df-921c-644580693d2b","elementConfiguration":{"binding":"UserProfile.Offices.Workarea_{{DocumentLanguage}}","disableUpdates":false,"type":"text"}},{"type":"shape","id":"0e3db5b9-fe6e-4707-9b9d-2e16e877ccb8","elementConfiguration":{"format":"{{DateFormats.GeneralDate}}","binding":"Form.Date","disableUpdates":false,"type":"date"}},{"type":"shape","id":"c6ca204e-617e-49ab-91d2-8aac5caee35e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2.xml><?xml version="1.0" encoding="utf-8"?>
<ds:datastoreItem xmlns:ds="http://schemas.openxmlformats.org/officeDocument/2006/customXml" ds:itemID="{1680B9DC-2D51-4402-BB2C-B8DE0C5AC522}">
  <ds:schemaRefs/>
</ds:datastoreItem>
</file>

<file path=customXml/itemProps3.xml><?xml version="1.0" encoding="utf-8"?>
<ds:datastoreItem xmlns:ds="http://schemas.openxmlformats.org/officeDocument/2006/customXml" ds:itemID="{CA9FC985-930B-40D4-827F-9FAC5D35EA8C}">
  <ds:schemaRefs/>
</ds:datastoreItem>
</file>

<file path=customXml/itemProps4.xml><?xml version="1.0" encoding="utf-8"?>
<ds:datastoreItem xmlns:ds="http://schemas.openxmlformats.org/officeDocument/2006/customXml" ds:itemID="{6B8AD017-B053-4E30-93B9-B28A44CEC3A4}">
  <ds:schemaRefs/>
</ds:datastoreItem>
</file>

<file path=customXml/itemProps5.xml><?xml version="1.0" encoding="utf-8"?>
<ds:datastoreItem xmlns:ds="http://schemas.openxmlformats.org/officeDocument/2006/customXml" ds:itemID="{9587AFF5-BFB0-40A3-85CA-ADEED7540807}">
  <ds:schemaRefs/>
</ds:datastoreItem>
</file>

<file path=customXml/itemProps6.xml><?xml version="1.0" encoding="utf-8"?>
<ds:datastoreItem xmlns:ds="http://schemas.openxmlformats.org/officeDocument/2006/customXml" ds:itemID="{5DEE4BEE-00BA-4E32-BD26-AF535B50AC95}">
  <ds:schemaRefs/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D27AE696-61B6-4B19-9CED-6F2A3F244FE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197</TotalTime>
  <Words>416</Words>
  <Application>Microsoft Macintosh PowerPoint</Application>
  <PresentationFormat>Custom</PresentationFormat>
  <Paragraphs>386</Paragraphs>
  <Slides>8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1" baseType="lpstr">
      <vt:lpstr>Arial</vt:lpstr>
      <vt:lpstr>Verdana</vt:lpstr>
      <vt:lpstr>Blank</vt:lpstr>
      <vt:lpstr>PowerPoint Presentation</vt:lpstr>
      <vt:lpstr>Case 1 Results</vt:lpstr>
      <vt:lpstr>Overview</vt:lpstr>
      <vt:lpstr>Bias In Estimation</vt:lpstr>
      <vt:lpstr>Relative Distance &amp; Model Choice</vt:lpstr>
      <vt:lpstr>Models Used</vt:lpstr>
      <vt:lpstr>Absolute Distance</vt:lpstr>
      <vt:lpstr>Smallest actual RMS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Line Katrine Harder Clemmensen</cp:lastModifiedBy>
  <cp:revision>92</cp:revision>
  <dcterms:created xsi:type="dcterms:W3CDTF">2017-07-31T08:31:56Z</dcterms:created>
  <dcterms:modified xsi:type="dcterms:W3CDTF">2020-04-01T19:39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062217099317992</vt:lpwstr>
  </property>
  <property fmtid="{D5CDD505-2E9C-101B-9397-08002B2CF9AE}" pid="6" name="TemplafyLanguageCode">
    <vt:lpwstr>en-GB</vt:lpwstr>
  </property>
</Properties>
</file>